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30026"/>
  <workbookPr defaultThemeVersion="166925"/>
  <mc:AlternateContent xmlns:mc="http://schemas.openxmlformats.org/markup-compatibility/2006">
    <mc:Choice Requires="x15">
      <x15ac:absPath xmlns:x15ac="http://schemas.microsoft.com/office/spreadsheetml/2010/11/ac" url="C:\Users\b008006\Downloads\"/>
    </mc:Choice>
  </mc:AlternateContent>
  <xr:revisionPtr revIDLastSave="0" documentId="13_ncr:1_{F72A46F2-255B-4046-A323-65500B4D5470}" xr6:coauthVersionLast="47" xr6:coauthVersionMax="47" xr10:uidLastSave="{00000000-0000-0000-0000-000000000000}"/>
  <bookViews>
    <workbookView xWindow="-120" yWindow="-120" windowWidth="29040" windowHeight="17520" xr2:uid="{D79B32FA-FAF2-4E7F-879F-E676260AE07E}"/>
  </bookViews>
  <sheets>
    <sheet name="Berørte tabeller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59" uniqueCount="177">
  <si>
    <t>ID</t>
  </si>
  <si>
    <t>Name</t>
  </si>
  <si>
    <t>Titel</t>
  </si>
  <si>
    <t>Employee</t>
  </si>
  <si>
    <t>Lønnummer</t>
  </si>
  <si>
    <t>Tømmes for data</t>
  </si>
  <si>
    <t>Alternative Address</t>
  </si>
  <si>
    <t>Alternativ adresse</t>
  </si>
  <si>
    <t>Qualification</t>
  </si>
  <si>
    <t>Kvalifikation</t>
  </si>
  <si>
    <t>Employee Qualification</t>
  </si>
  <si>
    <t>Medarbejderkvalifikation</t>
  </si>
  <si>
    <t>Relative</t>
  </si>
  <si>
    <t>Familiemedlem</t>
  </si>
  <si>
    <t>Employee Relative</t>
  </si>
  <si>
    <t>Medarbejders familiemedlem</t>
  </si>
  <si>
    <t>Cause of Absence</t>
  </si>
  <si>
    <t>Fraværsårsag</t>
  </si>
  <si>
    <t>Employee Absence</t>
  </si>
  <si>
    <t>Medarbejders fravær</t>
  </si>
  <si>
    <t>Human Resource Comment Line</t>
  </si>
  <si>
    <t>Medarbejderbemærkning</t>
  </si>
  <si>
    <t>Union</t>
  </si>
  <si>
    <t>Fagforening</t>
  </si>
  <si>
    <t>Cause of Inactivity</t>
  </si>
  <si>
    <t>Inaktivitetsårsag</t>
  </si>
  <si>
    <t>Employment Contract</t>
  </si>
  <si>
    <t>Ansættelseskontrakt</t>
  </si>
  <si>
    <t>Employee Statistics Group</t>
  </si>
  <si>
    <t>Medarbejderstatistikgruppe</t>
  </si>
  <si>
    <t>Misc. Article</t>
  </si>
  <si>
    <t>Udstyr</t>
  </si>
  <si>
    <t>Misc. Article Information</t>
  </si>
  <si>
    <t>Udstyrsoplysninger</t>
  </si>
  <si>
    <t>Confidential</t>
  </si>
  <si>
    <t>Fortroligt</t>
  </si>
  <si>
    <t>Confidential Information</t>
  </si>
  <si>
    <t>Fortrolige oplysninger</t>
  </si>
  <si>
    <t>Grounds for Termination</t>
  </si>
  <si>
    <t>Fratrædelsesårsag</t>
  </si>
  <si>
    <t>Human Resources Setup</t>
  </si>
  <si>
    <t>Opsætning af Personale</t>
  </si>
  <si>
    <t>HR Confidential Comment Line</t>
  </si>
  <si>
    <t>Fortrolige bemærkn.linjer</t>
  </si>
  <si>
    <t>Human Resource Unit of Measure</t>
  </si>
  <si>
    <t>Personaleenhed</t>
  </si>
  <si>
    <t>Employee Posting Group</t>
  </si>
  <si>
    <t>Medarbejderbogføringsgruppe</t>
  </si>
  <si>
    <t>Employee Ledger Entry</t>
  </si>
  <si>
    <t>Medarbejderpost</t>
  </si>
  <si>
    <t>Detailed Employee Ledger Entry</t>
  </si>
  <si>
    <t>Detaljeret medarbejderpost</t>
  </si>
  <si>
    <t>Payable Employee Ledger Entry</t>
  </si>
  <si>
    <t>Skyldig medarbejderpost</t>
  </si>
  <si>
    <t>Employee Payment Buffer</t>
  </si>
  <si>
    <t>Medarbejderbetalingsbuffer</t>
  </si>
  <si>
    <t>SLS Basic Information</t>
  </si>
  <si>
    <t>SL Stamoplysninger</t>
  </si>
  <si>
    <t>Videreførse med data</t>
  </si>
  <si>
    <t>SLS Posting Information</t>
  </si>
  <si>
    <t>SL Konteringsoplysninger</t>
  </si>
  <si>
    <t>Code of Action</t>
  </si>
  <si>
    <t>Aktionskoder</t>
  </si>
  <si>
    <t>Tabel og data slettes</t>
  </si>
  <si>
    <t>Wage Type and Timing</t>
  </si>
  <si>
    <t>Lønform</t>
  </si>
  <si>
    <t>Wage Code</t>
  </si>
  <si>
    <t>Lønkode</t>
  </si>
  <si>
    <t>Wage System Code</t>
  </si>
  <si>
    <t>Lønsystemkode</t>
  </si>
  <si>
    <t>Wage Posting Type</t>
  </si>
  <si>
    <t>Sammenligningskode</t>
  </si>
  <si>
    <t>Employment Form</t>
  </si>
  <si>
    <t>Ansættelsesform</t>
  </si>
  <si>
    <t>Employment Arrangement</t>
  </si>
  <si>
    <t>Beskæftigelsesordning</t>
  </si>
  <si>
    <t>Main Group</t>
  </si>
  <si>
    <t>Hovedgruppe</t>
  </si>
  <si>
    <t>Job Code</t>
  </si>
  <si>
    <t>Stillingskode</t>
  </si>
  <si>
    <t>Adm. Place of Employment</t>
  </si>
  <si>
    <t>Administrativt tjenestested</t>
  </si>
  <si>
    <t>PCatClass</t>
  </si>
  <si>
    <t>Pkatklasse</t>
  </si>
  <si>
    <t>Employee - Physical</t>
  </si>
  <si>
    <t>Medarbejder - Fysisk</t>
  </si>
  <si>
    <t>Interview Type</t>
  </si>
  <si>
    <t>Samtaletype</t>
  </si>
  <si>
    <t>Status Code</t>
  </si>
  <si>
    <t>Statuskode</t>
  </si>
  <si>
    <t>Career Plan</t>
  </si>
  <si>
    <t>Karrierehovedvej</t>
  </si>
  <si>
    <t>Qualification Profile</t>
  </si>
  <si>
    <t>Kompetenceprofil</t>
  </si>
  <si>
    <t>Qualification Requirement</t>
  </si>
  <si>
    <t>Kvalifikationskrav</t>
  </si>
  <si>
    <t>Qualification Level</t>
  </si>
  <si>
    <t>Kvalifikationsniveau</t>
  </si>
  <si>
    <t>CV Type Code</t>
  </si>
  <si>
    <t>CV typekode</t>
  </si>
  <si>
    <t>Employee Task</t>
  </si>
  <si>
    <t>Arbejdsopgaver</t>
  </si>
  <si>
    <t>Object Type Code</t>
  </si>
  <si>
    <t>Måltypekode</t>
  </si>
  <si>
    <t>Course Category</t>
  </si>
  <si>
    <t>Kursusart</t>
  </si>
  <si>
    <t>Course Type</t>
  </si>
  <si>
    <t>Kursustype</t>
  </si>
  <si>
    <t>Course</t>
  </si>
  <si>
    <t>Kursus</t>
  </si>
  <si>
    <t>Course Instructor</t>
  </si>
  <si>
    <t>Kursusinstruktør</t>
  </si>
  <si>
    <t>Instructor</t>
  </si>
  <si>
    <t>Instruktør</t>
  </si>
  <si>
    <t>Update Employee Error Log</t>
  </si>
  <si>
    <t>Opdatér Medarb. Fejllog</t>
  </si>
  <si>
    <t>Employee Interview</t>
  </si>
  <si>
    <t>Medarbejdersamtale</t>
  </si>
  <si>
    <t>Journal Subscription</t>
  </si>
  <si>
    <t>Tidsskriftsabonnement</t>
  </si>
  <si>
    <t>Position of Trust</t>
  </si>
  <si>
    <t>Tillidspost</t>
  </si>
  <si>
    <t>Inactivity Period</t>
  </si>
  <si>
    <t>Inaktivitetsperiode</t>
  </si>
  <si>
    <t>PAI Document</t>
  </si>
  <si>
    <t>PAI-Dokument</t>
  </si>
  <si>
    <t>Positon of Trust Type</t>
  </si>
  <si>
    <t>Tillidsposttype</t>
  </si>
  <si>
    <t>Employee Red-letter Day</t>
  </si>
  <si>
    <t>Medarbejder mærkedag</t>
  </si>
  <si>
    <t>Employee CV</t>
  </si>
  <si>
    <t>Medarbejder CV</t>
  </si>
  <si>
    <t>Working Task per Employee</t>
  </si>
  <si>
    <t>Arbejdsopgave pr. medarbejder</t>
  </si>
  <si>
    <t>Progress Agreement</t>
  </si>
  <si>
    <t>Udviklingsaftale</t>
  </si>
  <si>
    <t>Progress Objective</t>
  </si>
  <si>
    <t>Udviklingsmål</t>
  </si>
  <si>
    <t>Course Arrangement</t>
  </si>
  <si>
    <t>Kursusaftale</t>
  </si>
  <si>
    <t>Course List</t>
  </si>
  <si>
    <t>Kursusoversigt</t>
  </si>
  <si>
    <t>Course Comment Line</t>
  </si>
  <si>
    <t>Kursusbemærkningslinje</t>
  </si>
  <si>
    <t>PAI Comment</t>
  </si>
  <si>
    <t>PAI_Medarbejderbemærkning</t>
  </si>
  <si>
    <t>Wage Specification</t>
  </si>
  <si>
    <t>Lønspecifikation</t>
  </si>
  <si>
    <t>Wage Supplement</t>
  </si>
  <si>
    <t>Løntillæg</t>
  </si>
  <si>
    <t>Wage Entry</t>
  </si>
  <si>
    <t>Lønpost</t>
  </si>
  <si>
    <t>Grouping of Wage Numbers</t>
  </si>
  <si>
    <t>Gruppering af Lønnumre</t>
  </si>
  <si>
    <t>Wage No. Prioritering</t>
  </si>
  <si>
    <t>Prioritering af lønnumre</t>
  </si>
  <si>
    <t>Wage Group</t>
  </si>
  <si>
    <t>Løngruppe</t>
  </si>
  <si>
    <t>Org.Units</t>
  </si>
  <si>
    <t>Enheder</t>
  </si>
  <si>
    <t>Associated Adm.Places</t>
  </si>
  <si>
    <t>Tilknyttede Adm.tjenestesteder</t>
  </si>
  <si>
    <t>Ind Fa Allocation</t>
  </si>
  <si>
    <t>Ind. Anlægsfordeling</t>
  </si>
  <si>
    <t>Checklist Type</t>
  </si>
  <si>
    <t>Tjekliste Art</t>
  </si>
  <si>
    <t>Checklist Template</t>
  </si>
  <si>
    <t>Tjekliste Type</t>
  </si>
  <si>
    <t>Checklist Action Templet</t>
  </si>
  <si>
    <t>Tjekliste Handlingsskabelon</t>
  </si>
  <si>
    <t>Checklist</t>
  </si>
  <si>
    <t>Tjekliste</t>
  </si>
  <si>
    <t>Checklist Actions</t>
  </si>
  <si>
    <t>Tjekliste Handlinger</t>
  </si>
  <si>
    <t>Departments</t>
  </si>
  <si>
    <t>Afdelinger</t>
  </si>
  <si>
    <t>Handling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3" x14ac:knownFonts="1">
    <font>
      <sz val="11"/>
      <color theme="1"/>
      <name val="Calibri"/>
      <family val="2"/>
      <scheme val="minor"/>
    </font>
    <font>
      <sz val="10"/>
      <color theme="1"/>
      <name val="Arial"/>
      <family val="2"/>
    </font>
    <font>
      <b/>
      <sz val="10"/>
      <color theme="1"/>
      <name val="Arial"/>
      <family val="2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5">
    <xf numFmtId="0" fontId="0" fillId="0" borderId="0" xfId="0"/>
    <xf numFmtId="0" fontId="1" fillId="0" borderId="0" xfId="0" applyFont="1"/>
    <xf numFmtId="14" fontId="1" fillId="0" borderId="0" xfId="0" applyNumberFormat="1" applyFont="1"/>
    <xf numFmtId="21" fontId="1" fillId="0" borderId="0" xfId="0" applyNumberFormat="1" applyFont="1"/>
    <xf numFmtId="0" fontId="2" fillId="0" borderId="0" xfId="0" applyFont="1"/>
  </cellXfs>
  <cellStyles count="1">
    <cellStyle name="Normal" xfId="0" builtinId="0"/>
  </cellStyles>
  <dxfs count="6"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</dxf>
  </dxfs>
  <tableStyles count="1" defaultTableStyle="TableStyleMedium2" defaultPivotStyle="PivotStyleLight16">
    <tableStyle name="Invisible" pivot="0" table="0" count="0" xr9:uid="{BEC993A4-D143-48A3-97A8-BFAC77013705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3" xr:uid="{750837FD-291E-4577-A238-E42DE6D21DFF}" name="Tabel3" displayName="Tabel3" ref="A1:D86" totalsRowShown="0" headerRowDxfId="5" dataDxfId="4">
  <autoFilter ref="A1:D86" xr:uid="{750837FD-291E-4577-A238-E42DE6D21DFF}"/>
  <tableColumns count="4">
    <tableColumn id="1" xr3:uid="{4A17209D-7D1E-4944-9016-771BCC329F09}" name="ID" dataDxfId="3"/>
    <tableColumn id="2" xr3:uid="{362D3D89-4CFB-49DD-AAA0-8F752ADA2A4A}" name="Name" dataDxfId="2"/>
    <tableColumn id="3" xr3:uid="{F422EA54-B5DE-482A-B9E7-5E25544CBF93}" name="Titel" dataDxfId="1"/>
    <tableColumn id="4" xr3:uid="{993B82B8-75F3-47A8-9402-53A93F6B5E17}" name="Handling" dataDxfId="0"/>
  </tableColumns>
  <tableStyleInfo name="TableStyleLight1" showFirstColumn="0" showLastColumn="0" showRowStripes="1" showColumnStripes="0"/>
</table>
</file>

<file path=xl/theme/theme1.xml><?xml version="1.0" encoding="utf-8"?>
<a:theme xmlns:a="http://schemas.openxmlformats.org/drawingml/2006/main" name="Office 2013 – 2022 Tema">
  <a:themeElements>
    <a:clrScheme name="Office 2013 - 2022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 2013 - 2022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 2013 - 2022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2013 - 2022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table" Target="../tables/table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D4FA57C-3FF6-4408-BD0D-05476858C911}">
  <dimension ref="A1:G110"/>
  <sheetViews>
    <sheetView tabSelected="1" topLeftCell="A46" workbookViewId="0">
      <selection activeCell="K62" sqref="K62"/>
    </sheetView>
  </sheetViews>
  <sheetFormatPr defaultRowHeight="12.75" x14ac:dyDescent="0.2"/>
  <cols>
    <col min="1" max="1" width="8.42578125" style="1" bestFit="1" customWidth="1"/>
    <col min="2" max="2" width="24.85546875" style="1" bestFit="1" customWidth="1"/>
    <col min="3" max="3" width="27.28515625" style="1" bestFit="1" customWidth="1"/>
    <col min="4" max="4" width="26.140625" style="1" customWidth="1"/>
    <col min="5" max="16384" width="9.140625" style="1"/>
  </cols>
  <sheetData>
    <row r="1" spans="1:4" s="4" customFormat="1" x14ac:dyDescent="0.2">
      <c r="A1" s="4" t="s">
        <v>0</v>
      </c>
      <c r="B1" s="4" t="s">
        <v>1</v>
      </c>
      <c r="C1" s="4" t="s">
        <v>2</v>
      </c>
      <c r="D1" s="4" t="s">
        <v>176</v>
      </c>
    </row>
    <row r="2" spans="1:4" s="4" customFormat="1" x14ac:dyDescent="0.2">
      <c r="A2" s="1">
        <v>5200</v>
      </c>
      <c r="B2" s="1" t="s">
        <v>3</v>
      </c>
      <c r="C2" s="1" t="s">
        <v>4</v>
      </c>
      <c r="D2" s="1" t="s">
        <v>5</v>
      </c>
    </row>
    <row r="3" spans="1:4" s="4" customFormat="1" x14ac:dyDescent="0.2">
      <c r="A3" s="1">
        <v>5201</v>
      </c>
      <c r="B3" s="1" t="s">
        <v>6</v>
      </c>
      <c r="C3" s="1" t="s">
        <v>7</v>
      </c>
      <c r="D3" s="1" t="s">
        <v>5</v>
      </c>
    </row>
    <row r="4" spans="1:4" s="4" customFormat="1" x14ac:dyDescent="0.2">
      <c r="A4" s="1">
        <v>5202</v>
      </c>
      <c r="B4" s="1" t="s">
        <v>8</v>
      </c>
      <c r="C4" s="1" t="s">
        <v>9</v>
      </c>
      <c r="D4" s="1" t="s">
        <v>5</v>
      </c>
    </row>
    <row r="5" spans="1:4" s="4" customFormat="1" x14ac:dyDescent="0.2">
      <c r="A5" s="1">
        <v>5203</v>
      </c>
      <c r="B5" s="1" t="s">
        <v>10</v>
      </c>
      <c r="C5" s="1" t="s">
        <v>11</v>
      </c>
      <c r="D5" s="1" t="s">
        <v>5</v>
      </c>
    </row>
    <row r="6" spans="1:4" s="4" customFormat="1" x14ac:dyDescent="0.2">
      <c r="A6" s="1">
        <v>5204</v>
      </c>
      <c r="B6" s="1" t="s">
        <v>12</v>
      </c>
      <c r="C6" s="1" t="s">
        <v>13</v>
      </c>
      <c r="D6" s="1" t="s">
        <v>5</v>
      </c>
    </row>
    <row r="7" spans="1:4" s="4" customFormat="1" x14ac:dyDescent="0.2">
      <c r="A7" s="1">
        <v>5205</v>
      </c>
      <c r="B7" s="1" t="s">
        <v>14</v>
      </c>
      <c r="C7" s="1" t="s">
        <v>15</v>
      </c>
      <c r="D7" s="1" t="s">
        <v>5</v>
      </c>
    </row>
    <row r="8" spans="1:4" s="4" customFormat="1" x14ac:dyDescent="0.2">
      <c r="A8" s="1">
        <v>5206</v>
      </c>
      <c r="B8" s="1" t="s">
        <v>16</v>
      </c>
      <c r="C8" s="1" t="s">
        <v>17</v>
      </c>
      <c r="D8" s="1" t="s">
        <v>5</v>
      </c>
    </row>
    <row r="9" spans="1:4" s="4" customFormat="1" x14ac:dyDescent="0.2">
      <c r="A9" s="1">
        <v>5207</v>
      </c>
      <c r="B9" s="1" t="s">
        <v>18</v>
      </c>
      <c r="C9" s="1" t="s">
        <v>19</v>
      </c>
      <c r="D9" s="1" t="s">
        <v>5</v>
      </c>
    </row>
    <row r="10" spans="1:4" s="4" customFormat="1" x14ac:dyDescent="0.2">
      <c r="A10" s="1">
        <v>5208</v>
      </c>
      <c r="B10" s="1" t="s">
        <v>20</v>
      </c>
      <c r="C10" s="1" t="s">
        <v>21</v>
      </c>
      <c r="D10" s="1" t="s">
        <v>5</v>
      </c>
    </row>
    <row r="11" spans="1:4" s="4" customFormat="1" x14ac:dyDescent="0.2">
      <c r="A11" s="1">
        <v>5209</v>
      </c>
      <c r="B11" s="1" t="s">
        <v>22</v>
      </c>
      <c r="C11" s="1" t="s">
        <v>23</v>
      </c>
      <c r="D11" s="1" t="s">
        <v>5</v>
      </c>
    </row>
    <row r="12" spans="1:4" s="4" customFormat="1" x14ac:dyDescent="0.2">
      <c r="A12" s="1">
        <v>5210</v>
      </c>
      <c r="B12" s="1" t="s">
        <v>24</v>
      </c>
      <c r="C12" s="1" t="s">
        <v>25</v>
      </c>
      <c r="D12" s="1" t="s">
        <v>5</v>
      </c>
    </row>
    <row r="13" spans="1:4" s="4" customFormat="1" x14ac:dyDescent="0.2">
      <c r="A13" s="1">
        <v>5211</v>
      </c>
      <c r="B13" s="1" t="s">
        <v>26</v>
      </c>
      <c r="C13" s="1" t="s">
        <v>27</v>
      </c>
      <c r="D13" s="1" t="s">
        <v>5</v>
      </c>
    </row>
    <row r="14" spans="1:4" s="4" customFormat="1" x14ac:dyDescent="0.2">
      <c r="A14" s="1">
        <v>5212</v>
      </c>
      <c r="B14" s="1" t="s">
        <v>28</v>
      </c>
      <c r="C14" s="1" t="s">
        <v>29</v>
      </c>
      <c r="D14" s="1" t="s">
        <v>5</v>
      </c>
    </row>
    <row r="15" spans="1:4" s="4" customFormat="1" x14ac:dyDescent="0.2">
      <c r="A15" s="1">
        <v>5213</v>
      </c>
      <c r="B15" s="1" t="s">
        <v>30</v>
      </c>
      <c r="C15" s="1" t="s">
        <v>31</v>
      </c>
      <c r="D15" s="1" t="s">
        <v>5</v>
      </c>
    </row>
    <row r="16" spans="1:4" s="4" customFormat="1" x14ac:dyDescent="0.2">
      <c r="A16" s="1">
        <v>5214</v>
      </c>
      <c r="B16" s="1" t="s">
        <v>32</v>
      </c>
      <c r="C16" s="1" t="s">
        <v>33</v>
      </c>
      <c r="D16" s="1" t="s">
        <v>5</v>
      </c>
    </row>
    <row r="17" spans="1:4" s="4" customFormat="1" x14ac:dyDescent="0.2">
      <c r="A17" s="1">
        <v>5215</v>
      </c>
      <c r="B17" s="1" t="s">
        <v>34</v>
      </c>
      <c r="C17" s="1" t="s">
        <v>35</v>
      </c>
      <c r="D17" s="1" t="s">
        <v>5</v>
      </c>
    </row>
    <row r="18" spans="1:4" s="4" customFormat="1" x14ac:dyDescent="0.2">
      <c r="A18" s="1">
        <v>5216</v>
      </c>
      <c r="B18" s="1" t="s">
        <v>36</v>
      </c>
      <c r="C18" s="1" t="s">
        <v>37</v>
      </c>
      <c r="D18" s="1" t="s">
        <v>5</v>
      </c>
    </row>
    <row r="19" spans="1:4" s="4" customFormat="1" x14ac:dyDescent="0.2">
      <c r="A19" s="1">
        <v>5217</v>
      </c>
      <c r="B19" s="1" t="s">
        <v>38</v>
      </c>
      <c r="C19" s="1" t="s">
        <v>39</v>
      </c>
      <c r="D19" s="1" t="s">
        <v>5</v>
      </c>
    </row>
    <row r="20" spans="1:4" s="4" customFormat="1" x14ac:dyDescent="0.2">
      <c r="A20" s="1">
        <v>5218</v>
      </c>
      <c r="B20" s="1" t="s">
        <v>40</v>
      </c>
      <c r="C20" s="1" t="s">
        <v>41</v>
      </c>
      <c r="D20" s="1" t="s">
        <v>5</v>
      </c>
    </row>
    <row r="21" spans="1:4" s="4" customFormat="1" x14ac:dyDescent="0.2">
      <c r="A21" s="1">
        <v>5219</v>
      </c>
      <c r="B21" s="1" t="s">
        <v>42</v>
      </c>
      <c r="C21" s="1" t="s">
        <v>43</v>
      </c>
      <c r="D21" s="1" t="s">
        <v>5</v>
      </c>
    </row>
    <row r="22" spans="1:4" s="4" customFormat="1" x14ac:dyDescent="0.2">
      <c r="A22" s="1">
        <v>5220</v>
      </c>
      <c r="B22" s="1" t="s">
        <v>44</v>
      </c>
      <c r="C22" s="1" t="s">
        <v>45</v>
      </c>
      <c r="D22" s="1" t="s">
        <v>5</v>
      </c>
    </row>
    <row r="23" spans="1:4" s="4" customFormat="1" x14ac:dyDescent="0.2">
      <c r="A23" s="1">
        <v>5221</v>
      </c>
      <c r="B23" s="1" t="s">
        <v>46</v>
      </c>
      <c r="C23" s="1" t="s">
        <v>47</v>
      </c>
      <c r="D23" s="1" t="s">
        <v>5</v>
      </c>
    </row>
    <row r="24" spans="1:4" s="4" customFormat="1" x14ac:dyDescent="0.2">
      <c r="A24" s="1">
        <v>5222</v>
      </c>
      <c r="B24" s="1" t="s">
        <v>48</v>
      </c>
      <c r="C24" s="1" t="s">
        <v>49</v>
      </c>
      <c r="D24" s="1" t="s">
        <v>5</v>
      </c>
    </row>
    <row r="25" spans="1:4" s="4" customFormat="1" x14ac:dyDescent="0.2">
      <c r="A25" s="1">
        <v>5223</v>
      </c>
      <c r="B25" s="1" t="s">
        <v>50</v>
      </c>
      <c r="C25" s="1" t="s">
        <v>51</v>
      </c>
      <c r="D25" s="1" t="s">
        <v>5</v>
      </c>
    </row>
    <row r="26" spans="1:4" s="4" customFormat="1" x14ac:dyDescent="0.2">
      <c r="A26" s="1">
        <v>5224</v>
      </c>
      <c r="B26" s="1" t="s">
        <v>52</v>
      </c>
      <c r="C26" s="1" t="s">
        <v>53</v>
      </c>
      <c r="D26" s="1" t="s">
        <v>5</v>
      </c>
    </row>
    <row r="27" spans="1:4" s="4" customFormat="1" x14ac:dyDescent="0.2">
      <c r="A27" s="1">
        <v>5225</v>
      </c>
      <c r="B27" s="1" t="s">
        <v>54</v>
      </c>
      <c r="C27" s="1" t="s">
        <v>55</v>
      </c>
      <c r="D27" s="1" t="s">
        <v>5</v>
      </c>
    </row>
    <row r="28" spans="1:4" s="4" customFormat="1" x14ac:dyDescent="0.2">
      <c r="A28" s="1">
        <v>6007050</v>
      </c>
      <c r="B28" s="1" t="s">
        <v>56</v>
      </c>
      <c r="C28" s="1" t="s">
        <v>57</v>
      </c>
      <c r="D28" s="1" t="s">
        <v>58</v>
      </c>
    </row>
    <row r="29" spans="1:4" s="4" customFormat="1" x14ac:dyDescent="0.2">
      <c r="A29" s="1">
        <v>6007051</v>
      </c>
      <c r="B29" s="1" t="s">
        <v>59</v>
      </c>
      <c r="C29" s="1" t="s">
        <v>60</v>
      </c>
      <c r="D29" s="1" t="s">
        <v>58</v>
      </c>
    </row>
    <row r="30" spans="1:4" x14ac:dyDescent="0.2">
      <c r="A30" s="1">
        <v>6007052</v>
      </c>
      <c r="B30" s="1" t="s">
        <v>61</v>
      </c>
      <c r="C30" s="1" t="s">
        <v>62</v>
      </c>
      <c r="D30" s="1" t="s">
        <v>63</v>
      </c>
    </row>
    <row r="31" spans="1:4" x14ac:dyDescent="0.2">
      <c r="A31" s="1">
        <v>6007053</v>
      </c>
      <c r="B31" s="1" t="s">
        <v>64</v>
      </c>
      <c r="C31" s="1" t="s">
        <v>65</v>
      </c>
      <c r="D31" s="1" t="s">
        <v>63</v>
      </c>
    </row>
    <row r="32" spans="1:4" x14ac:dyDescent="0.2">
      <c r="A32" s="1">
        <v>6007054</v>
      </c>
      <c r="B32" s="1" t="s">
        <v>66</v>
      </c>
      <c r="C32" s="1" t="s">
        <v>67</v>
      </c>
      <c r="D32" s="1" t="s">
        <v>63</v>
      </c>
    </row>
    <row r="33" spans="1:4" x14ac:dyDescent="0.2">
      <c r="A33" s="1">
        <v>6007055</v>
      </c>
      <c r="B33" s="1" t="s">
        <v>68</v>
      </c>
      <c r="C33" s="1" t="s">
        <v>69</v>
      </c>
      <c r="D33" s="1" t="s">
        <v>63</v>
      </c>
    </row>
    <row r="34" spans="1:4" x14ac:dyDescent="0.2">
      <c r="A34" s="1">
        <v>6007056</v>
      </c>
      <c r="B34" s="1" t="s">
        <v>70</v>
      </c>
      <c r="C34" s="1" t="s">
        <v>71</v>
      </c>
      <c r="D34" s="1" t="s">
        <v>63</v>
      </c>
    </row>
    <row r="35" spans="1:4" x14ac:dyDescent="0.2">
      <c r="A35" s="1">
        <v>6007057</v>
      </c>
      <c r="B35" s="1" t="s">
        <v>72</v>
      </c>
      <c r="C35" s="1" t="s">
        <v>73</v>
      </c>
      <c r="D35" s="1" t="s">
        <v>63</v>
      </c>
    </row>
    <row r="36" spans="1:4" x14ac:dyDescent="0.2">
      <c r="A36" s="1">
        <v>6007058</v>
      </c>
      <c r="B36" s="1" t="s">
        <v>74</v>
      </c>
      <c r="C36" s="1" t="s">
        <v>75</v>
      </c>
      <c r="D36" s="1" t="s">
        <v>63</v>
      </c>
    </row>
    <row r="37" spans="1:4" x14ac:dyDescent="0.2">
      <c r="A37" s="1">
        <v>6007059</v>
      </c>
      <c r="B37" s="1" t="s">
        <v>76</v>
      </c>
      <c r="C37" s="1" t="s">
        <v>77</v>
      </c>
      <c r="D37" s="1" t="s">
        <v>63</v>
      </c>
    </row>
    <row r="38" spans="1:4" x14ac:dyDescent="0.2">
      <c r="A38" s="1">
        <v>6007060</v>
      </c>
      <c r="B38" s="1" t="s">
        <v>78</v>
      </c>
      <c r="C38" s="1" t="s">
        <v>79</v>
      </c>
      <c r="D38" s="1" t="s">
        <v>63</v>
      </c>
    </row>
    <row r="39" spans="1:4" x14ac:dyDescent="0.2">
      <c r="A39" s="1">
        <v>6007061</v>
      </c>
      <c r="B39" s="1" t="s">
        <v>80</v>
      </c>
      <c r="C39" s="1" t="s">
        <v>81</v>
      </c>
      <c r="D39" s="1" t="s">
        <v>63</v>
      </c>
    </row>
    <row r="40" spans="1:4" x14ac:dyDescent="0.2">
      <c r="A40" s="1">
        <v>6007062</v>
      </c>
      <c r="B40" s="1" t="s">
        <v>82</v>
      </c>
      <c r="C40" s="1" t="s">
        <v>83</v>
      </c>
      <c r="D40" s="1" t="s">
        <v>63</v>
      </c>
    </row>
    <row r="41" spans="1:4" x14ac:dyDescent="0.2">
      <c r="A41" s="1">
        <v>6007063</v>
      </c>
      <c r="B41" s="1" t="s">
        <v>84</v>
      </c>
      <c r="C41" s="1" t="s">
        <v>85</v>
      </c>
      <c r="D41" s="1" t="s">
        <v>63</v>
      </c>
    </row>
    <row r="42" spans="1:4" x14ac:dyDescent="0.2">
      <c r="A42" s="1">
        <v>6007064</v>
      </c>
      <c r="B42" s="1" t="s">
        <v>86</v>
      </c>
      <c r="C42" s="1" t="s">
        <v>87</v>
      </c>
      <c r="D42" s="1" t="s">
        <v>63</v>
      </c>
    </row>
    <row r="43" spans="1:4" x14ac:dyDescent="0.2">
      <c r="A43" s="1">
        <v>6007065</v>
      </c>
      <c r="B43" s="1" t="s">
        <v>88</v>
      </c>
      <c r="C43" s="1" t="s">
        <v>89</v>
      </c>
      <c r="D43" s="1" t="s">
        <v>63</v>
      </c>
    </row>
    <row r="44" spans="1:4" x14ac:dyDescent="0.2">
      <c r="A44" s="1">
        <v>6007066</v>
      </c>
      <c r="B44" s="1" t="s">
        <v>90</v>
      </c>
      <c r="C44" s="1" t="s">
        <v>91</v>
      </c>
      <c r="D44" s="1" t="s">
        <v>63</v>
      </c>
    </row>
    <row r="45" spans="1:4" x14ac:dyDescent="0.2">
      <c r="A45" s="1">
        <v>6007067</v>
      </c>
      <c r="B45" s="1" t="s">
        <v>92</v>
      </c>
      <c r="C45" s="1" t="s">
        <v>93</v>
      </c>
      <c r="D45" s="1" t="s">
        <v>63</v>
      </c>
    </row>
    <row r="46" spans="1:4" x14ac:dyDescent="0.2">
      <c r="A46" s="1">
        <v>6007068</v>
      </c>
      <c r="B46" s="1" t="s">
        <v>94</v>
      </c>
      <c r="C46" s="1" t="s">
        <v>95</v>
      </c>
      <c r="D46" s="1" t="s">
        <v>63</v>
      </c>
    </row>
    <row r="47" spans="1:4" x14ac:dyDescent="0.2">
      <c r="A47" s="1">
        <v>6007069</v>
      </c>
      <c r="B47" s="1" t="s">
        <v>96</v>
      </c>
      <c r="C47" s="1" t="s">
        <v>97</v>
      </c>
      <c r="D47" s="1" t="s">
        <v>63</v>
      </c>
    </row>
    <row r="48" spans="1:4" x14ac:dyDescent="0.2">
      <c r="A48" s="1">
        <v>6007070</v>
      </c>
      <c r="B48" s="1" t="s">
        <v>98</v>
      </c>
      <c r="C48" s="1" t="s">
        <v>99</v>
      </c>
      <c r="D48" s="1" t="s">
        <v>63</v>
      </c>
    </row>
    <row r="49" spans="1:4" x14ac:dyDescent="0.2">
      <c r="A49" s="1">
        <v>6007071</v>
      </c>
      <c r="B49" s="1" t="s">
        <v>100</v>
      </c>
      <c r="C49" s="1" t="s">
        <v>101</v>
      </c>
      <c r="D49" s="1" t="s">
        <v>63</v>
      </c>
    </row>
    <row r="50" spans="1:4" x14ac:dyDescent="0.2">
      <c r="A50" s="1">
        <v>6007072</v>
      </c>
      <c r="B50" s="1" t="s">
        <v>102</v>
      </c>
      <c r="C50" s="1" t="s">
        <v>103</v>
      </c>
      <c r="D50" s="1" t="s">
        <v>63</v>
      </c>
    </row>
    <row r="51" spans="1:4" x14ac:dyDescent="0.2">
      <c r="A51" s="1">
        <v>6007073</v>
      </c>
      <c r="B51" s="1" t="s">
        <v>104</v>
      </c>
      <c r="C51" s="1" t="s">
        <v>105</v>
      </c>
      <c r="D51" s="1" t="s">
        <v>63</v>
      </c>
    </row>
    <row r="52" spans="1:4" x14ac:dyDescent="0.2">
      <c r="A52" s="1">
        <v>6007074</v>
      </c>
      <c r="B52" s="1" t="s">
        <v>106</v>
      </c>
      <c r="C52" s="1" t="s">
        <v>107</v>
      </c>
      <c r="D52" s="1" t="s">
        <v>63</v>
      </c>
    </row>
    <row r="53" spans="1:4" x14ac:dyDescent="0.2">
      <c r="A53" s="1">
        <v>6007075</v>
      </c>
      <c r="B53" s="1" t="s">
        <v>108</v>
      </c>
      <c r="C53" s="1" t="s">
        <v>109</v>
      </c>
      <c r="D53" s="1" t="s">
        <v>63</v>
      </c>
    </row>
    <row r="54" spans="1:4" x14ac:dyDescent="0.2">
      <c r="A54" s="1">
        <v>6007076</v>
      </c>
      <c r="B54" s="1" t="s">
        <v>110</v>
      </c>
      <c r="C54" s="1" t="s">
        <v>111</v>
      </c>
      <c r="D54" s="1" t="s">
        <v>63</v>
      </c>
    </row>
    <row r="55" spans="1:4" x14ac:dyDescent="0.2">
      <c r="A55" s="1">
        <v>6007077</v>
      </c>
      <c r="B55" s="1" t="s">
        <v>112</v>
      </c>
      <c r="C55" s="1" t="s">
        <v>113</v>
      </c>
      <c r="D55" s="1" t="s">
        <v>63</v>
      </c>
    </row>
    <row r="56" spans="1:4" x14ac:dyDescent="0.2">
      <c r="A56" s="1">
        <v>6007079</v>
      </c>
      <c r="B56" s="1" t="s">
        <v>114</v>
      </c>
      <c r="C56" s="1" t="s">
        <v>115</v>
      </c>
      <c r="D56" s="1" t="s">
        <v>63</v>
      </c>
    </row>
    <row r="57" spans="1:4" x14ac:dyDescent="0.2">
      <c r="A57" s="1">
        <v>6007080</v>
      </c>
      <c r="B57" s="1" t="s">
        <v>116</v>
      </c>
      <c r="C57" s="1" t="s">
        <v>117</v>
      </c>
      <c r="D57" s="1" t="s">
        <v>63</v>
      </c>
    </row>
    <row r="58" spans="1:4" x14ac:dyDescent="0.2">
      <c r="A58" s="1">
        <v>6007081</v>
      </c>
      <c r="B58" s="1" t="s">
        <v>118</v>
      </c>
      <c r="C58" s="1" t="s">
        <v>119</v>
      </c>
      <c r="D58" s="1" t="s">
        <v>63</v>
      </c>
    </row>
    <row r="59" spans="1:4" x14ac:dyDescent="0.2">
      <c r="A59" s="1">
        <v>6007082</v>
      </c>
      <c r="B59" s="1" t="s">
        <v>120</v>
      </c>
      <c r="C59" s="1" t="s">
        <v>121</v>
      </c>
      <c r="D59" s="1" t="s">
        <v>63</v>
      </c>
    </row>
    <row r="60" spans="1:4" x14ac:dyDescent="0.2">
      <c r="A60" s="1">
        <v>6007083</v>
      </c>
      <c r="B60" s="1" t="s">
        <v>122</v>
      </c>
      <c r="C60" s="1" t="s">
        <v>123</v>
      </c>
      <c r="D60" s="1" t="s">
        <v>63</v>
      </c>
    </row>
    <row r="61" spans="1:4" x14ac:dyDescent="0.2">
      <c r="A61" s="1">
        <v>6007084</v>
      </c>
      <c r="B61" s="1" t="s">
        <v>124</v>
      </c>
      <c r="C61" s="1" t="s">
        <v>125</v>
      </c>
      <c r="D61" s="1" t="s">
        <v>63</v>
      </c>
    </row>
    <row r="62" spans="1:4" x14ac:dyDescent="0.2">
      <c r="A62" s="1">
        <v>6007085</v>
      </c>
      <c r="B62" s="1" t="s">
        <v>126</v>
      </c>
      <c r="C62" s="1" t="s">
        <v>127</v>
      </c>
      <c r="D62" s="1" t="s">
        <v>63</v>
      </c>
    </row>
    <row r="63" spans="1:4" x14ac:dyDescent="0.2">
      <c r="A63" s="1">
        <v>6007086</v>
      </c>
      <c r="B63" s="1" t="s">
        <v>128</v>
      </c>
      <c r="C63" s="1" t="s">
        <v>129</v>
      </c>
      <c r="D63" s="1" t="s">
        <v>63</v>
      </c>
    </row>
    <row r="64" spans="1:4" x14ac:dyDescent="0.2">
      <c r="A64" s="1">
        <v>6007087</v>
      </c>
      <c r="B64" s="1" t="s">
        <v>130</v>
      </c>
      <c r="C64" s="1" t="s">
        <v>131</v>
      </c>
      <c r="D64" s="1" t="s">
        <v>63</v>
      </c>
    </row>
    <row r="65" spans="1:4" x14ac:dyDescent="0.2">
      <c r="A65" s="1">
        <v>6007088</v>
      </c>
      <c r="B65" s="1" t="s">
        <v>132</v>
      </c>
      <c r="C65" s="1" t="s">
        <v>133</v>
      </c>
      <c r="D65" s="1" t="s">
        <v>63</v>
      </c>
    </row>
    <row r="66" spans="1:4" x14ac:dyDescent="0.2">
      <c r="A66" s="1">
        <v>6007089</v>
      </c>
      <c r="B66" s="1" t="s">
        <v>134</v>
      </c>
      <c r="C66" s="1" t="s">
        <v>135</v>
      </c>
      <c r="D66" s="1" t="s">
        <v>63</v>
      </c>
    </row>
    <row r="67" spans="1:4" x14ac:dyDescent="0.2">
      <c r="A67" s="1">
        <v>6007090</v>
      </c>
      <c r="B67" s="1" t="s">
        <v>136</v>
      </c>
      <c r="C67" s="1" t="s">
        <v>137</v>
      </c>
      <c r="D67" s="1" t="s">
        <v>63</v>
      </c>
    </row>
    <row r="68" spans="1:4" x14ac:dyDescent="0.2">
      <c r="A68" s="1">
        <v>6007091</v>
      </c>
      <c r="B68" s="1" t="s">
        <v>138</v>
      </c>
      <c r="C68" s="1" t="s">
        <v>139</v>
      </c>
      <c r="D68" s="1" t="s">
        <v>63</v>
      </c>
    </row>
    <row r="69" spans="1:4" x14ac:dyDescent="0.2">
      <c r="A69" s="1">
        <v>6007092</v>
      </c>
      <c r="B69" s="1" t="s">
        <v>140</v>
      </c>
      <c r="C69" s="1" t="s">
        <v>141</v>
      </c>
      <c r="D69" s="1" t="s">
        <v>63</v>
      </c>
    </row>
    <row r="70" spans="1:4" x14ac:dyDescent="0.2">
      <c r="A70" s="1">
        <v>6007093</v>
      </c>
      <c r="B70" s="1" t="s">
        <v>142</v>
      </c>
      <c r="C70" s="1" t="s">
        <v>143</v>
      </c>
      <c r="D70" s="1" t="s">
        <v>63</v>
      </c>
    </row>
    <row r="71" spans="1:4" x14ac:dyDescent="0.2">
      <c r="A71" s="1">
        <v>6007094</v>
      </c>
      <c r="B71" s="1" t="s">
        <v>144</v>
      </c>
      <c r="C71" s="1" t="s">
        <v>145</v>
      </c>
      <c r="D71" s="1" t="s">
        <v>63</v>
      </c>
    </row>
    <row r="72" spans="1:4" x14ac:dyDescent="0.2">
      <c r="A72" s="1">
        <v>6007097</v>
      </c>
      <c r="B72" s="1" t="s">
        <v>146</v>
      </c>
      <c r="C72" s="1" t="s">
        <v>147</v>
      </c>
      <c r="D72" s="1" t="s">
        <v>63</v>
      </c>
    </row>
    <row r="73" spans="1:4" x14ac:dyDescent="0.2">
      <c r="A73" s="1">
        <v>6007098</v>
      </c>
      <c r="B73" s="1" t="s">
        <v>148</v>
      </c>
      <c r="C73" s="1" t="s">
        <v>149</v>
      </c>
      <c r="D73" s="1" t="s">
        <v>63</v>
      </c>
    </row>
    <row r="74" spans="1:4" x14ac:dyDescent="0.2">
      <c r="A74" s="1">
        <v>6007099</v>
      </c>
      <c r="B74" s="1" t="s">
        <v>150</v>
      </c>
      <c r="C74" s="1" t="s">
        <v>151</v>
      </c>
      <c r="D74" s="1" t="s">
        <v>63</v>
      </c>
    </row>
    <row r="75" spans="1:4" x14ac:dyDescent="0.2">
      <c r="A75" s="1">
        <v>6007100</v>
      </c>
      <c r="B75" s="1" t="s">
        <v>152</v>
      </c>
      <c r="C75" s="1" t="s">
        <v>153</v>
      </c>
      <c r="D75" s="1" t="s">
        <v>63</v>
      </c>
    </row>
    <row r="76" spans="1:4" x14ac:dyDescent="0.2">
      <c r="A76" s="1">
        <v>6007101</v>
      </c>
      <c r="B76" s="1" t="s">
        <v>154</v>
      </c>
      <c r="C76" s="1" t="s">
        <v>155</v>
      </c>
      <c r="D76" s="1" t="s">
        <v>63</v>
      </c>
    </row>
    <row r="77" spans="1:4" x14ac:dyDescent="0.2">
      <c r="A77" s="1">
        <v>6007102</v>
      </c>
      <c r="B77" s="1" t="s">
        <v>156</v>
      </c>
      <c r="C77" s="1" t="s">
        <v>157</v>
      </c>
      <c r="D77" s="1" t="s">
        <v>63</v>
      </c>
    </row>
    <row r="78" spans="1:4" x14ac:dyDescent="0.2">
      <c r="A78" s="1">
        <v>6007108</v>
      </c>
      <c r="B78" s="1" t="s">
        <v>158</v>
      </c>
      <c r="C78" s="1" t="s">
        <v>159</v>
      </c>
      <c r="D78" s="1" t="s">
        <v>63</v>
      </c>
    </row>
    <row r="79" spans="1:4" x14ac:dyDescent="0.2">
      <c r="A79" s="1">
        <v>6007109</v>
      </c>
      <c r="B79" s="1" t="s">
        <v>160</v>
      </c>
      <c r="C79" s="1" t="s">
        <v>161</v>
      </c>
      <c r="D79" s="1" t="s">
        <v>63</v>
      </c>
    </row>
    <row r="80" spans="1:4" x14ac:dyDescent="0.2">
      <c r="A80" s="1">
        <v>6007110</v>
      </c>
      <c r="B80" s="1" t="s">
        <v>162</v>
      </c>
      <c r="C80" s="1" t="s">
        <v>163</v>
      </c>
      <c r="D80" s="1" t="s">
        <v>63</v>
      </c>
    </row>
    <row r="81" spans="1:7" x14ac:dyDescent="0.2">
      <c r="A81" s="1">
        <v>6007112</v>
      </c>
      <c r="B81" s="1" t="s">
        <v>164</v>
      </c>
      <c r="C81" s="1" t="s">
        <v>165</v>
      </c>
      <c r="D81" s="1" t="s">
        <v>63</v>
      </c>
    </row>
    <row r="82" spans="1:7" x14ac:dyDescent="0.2">
      <c r="A82" s="1">
        <v>6007113</v>
      </c>
      <c r="B82" s="1" t="s">
        <v>166</v>
      </c>
      <c r="C82" s="1" t="s">
        <v>167</v>
      </c>
      <c r="D82" s="1" t="s">
        <v>63</v>
      </c>
    </row>
    <row r="83" spans="1:7" x14ac:dyDescent="0.2">
      <c r="A83" s="1">
        <v>6007114</v>
      </c>
      <c r="B83" s="1" t="s">
        <v>168</v>
      </c>
      <c r="C83" s="1" t="s">
        <v>169</v>
      </c>
      <c r="D83" s="1" t="s">
        <v>63</v>
      </c>
    </row>
    <row r="84" spans="1:7" x14ac:dyDescent="0.2">
      <c r="A84" s="1">
        <v>6007115</v>
      </c>
      <c r="B84" s="1" t="s">
        <v>170</v>
      </c>
      <c r="C84" s="1" t="s">
        <v>171</v>
      </c>
      <c r="D84" s="1" t="s">
        <v>63</v>
      </c>
    </row>
    <row r="85" spans="1:7" x14ac:dyDescent="0.2">
      <c r="A85" s="1">
        <v>6007116</v>
      </c>
      <c r="B85" s="1" t="s">
        <v>172</v>
      </c>
      <c r="C85" s="1" t="s">
        <v>173</v>
      </c>
      <c r="D85" s="1" t="s">
        <v>63</v>
      </c>
    </row>
    <row r="86" spans="1:7" x14ac:dyDescent="0.2">
      <c r="A86" s="1">
        <v>6007117</v>
      </c>
      <c r="B86" s="1" t="s">
        <v>174</v>
      </c>
      <c r="C86" s="1" t="s">
        <v>175</v>
      </c>
      <c r="D86" s="1" t="s">
        <v>63</v>
      </c>
    </row>
    <row r="90" spans="1:7" x14ac:dyDescent="0.2">
      <c r="F90" s="2"/>
      <c r="G90" s="3"/>
    </row>
    <row r="91" spans="1:7" x14ac:dyDescent="0.2">
      <c r="F91" s="2"/>
      <c r="G91" s="3"/>
    </row>
    <row r="92" spans="1:7" x14ac:dyDescent="0.2">
      <c r="F92" s="2"/>
      <c r="G92" s="3"/>
    </row>
    <row r="93" spans="1:7" x14ac:dyDescent="0.2">
      <c r="F93" s="2"/>
      <c r="G93" s="3"/>
    </row>
    <row r="94" spans="1:7" x14ac:dyDescent="0.2">
      <c r="F94" s="2"/>
      <c r="G94" s="3"/>
    </row>
    <row r="95" spans="1:7" x14ac:dyDescent="0.2">
      <c r="F95" s="2"/>
      <c r="G95" s="3"/>
    </row>
    <row r="96" spans="1:7" x14ac:dyDescent="0.2">
      <c r="F96" s="2"/>
      <c r="G96" s="3"/>
    </row>
    <row r="97" spans="6:7" x14ac:dyDescent="0.2">
      <c r="F97" s="2"/>
      <c r="G97" s="3"/>
    </row>
    <row r="98" spans="6:7" x14ac:dyDescent="0.2">
      <c r="F98" s="2"/>
      <c r="G98" s="3"/>
    </row>
    <row r="99" spans="6:7" x14ac:dyDescent="0.2">
      <c r="F99" s="2"/>
      <c r="G99" s="3"/>
    </row>
    <row r="100" spans="6:7" x14ac:dyDescent="0.2">
      <c r="F100" s="2"/>
      <c r="G100" s="3"/>
    </row>
    <row r="101" spans="6:7" x14ac:dyDescent="0.2">
      <c r="F101" s="2"/>
      <c r="G101" s="3"/>
    </row>
    <row r="102" spans="6:7" x14ac:dyDescent="0.2">
      <c r="F102" s="2"/>
      <c r="G102" s="3"/>
    </row>
    <row r="103" spans="6:7" x14ac:dyDescent="0.2">
      <c r="F103" s="2"/>
      <c r="G103" s="3"/>
    </row>
    <row r="104" spans="6:7" x14ac:dyDescent="0.2">
      <c r="F104" s="2"/>
      <c r="G104" s="3"/>
    </row>
    <row r="105" spans="6:7" x14ac:dyDescent="0.2">
      <c r="F105" s="2"/>
      <c r="G105" s="3"/>
    </row>
    <row r="106" spans="6:7" x14ac:dyDescent="0.2">
      <c r="F106" s="2"/>
      <c r="G106" s="3"/>
    </row>
    <row r="107" spans="6:7" x14ac:dyDescent="0.2">
      <c r="F107" s="2"/>
      <c r="G107" s="3"/>
    </row>
    <row r="108" spans="6:7" x14ac:dyDescent="0.2">
      <c r="F108" s="2"/>
      <c r="G108" s="3"/>
    </row>
    <row r="109" spans="6:7" x14ac:dyDescent="0.2">
      <c r="F109" s="2"/>
      <c r="G109" s="3"/>
    </row>
    <row r="110" spans="6:7" x14ac:dyDescent="0.2">
      <c r="F110" s="2"/>
      <c r="G110" s="3"/>
    </row>
  </sheetData>
  <pageMargins left="0.7" right="0.7" top="0.75" bottom="0.75" header="0.3" footer="0.3"/>
  <pageSetup paperSize="9" orientation="portrait" r:id="rId1"/>
  <headerFooter>
    <oddFooter>&amp;C_x000D_&amp;1#&amp;"Aptos"&amp;10&amp;K000000 Denne information er følsom og må derfor kun deles inden for staten.</oddFooter>
  </headerFooter>
  <tableParts count="1">
    <tablePart r:id="rId2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E4B3335BA8EA447B23F9D3C7EB73D83" ma:contentTypeVersion="14" ma:contentTypeDescription="Create a new document." ma:contentTypeScope="" ma:versionID="d2de71059b7e03794552b6a0678a6c6a">
  <xsd:schema xmlns:xsd="http://www.w3.org/2001/XMLSchema" xmlns:xs="http://www.w3.org/2001/XMLSchema" xmlns:p="http://schemas.microsoft.com/office/2006/metadata/properties" xmlns:ns1="http://schemas.microsoft.com/sharepoint/v3" xmlns:ns2="13391ec4-5015-4147-9414-c3ae9850af36" xmlns:ns3="afdce578-64aa-489d-a4b8-96c94be591da" targetNamespace="http://schemas.microsoft.com/office/2006/metadata/properties" ma:root="true" ma:fieldsID="f578127fc34bd06a4741b77d96c7b9fe" ns1:_="" ns2:_="" ns3:_="">
    <xsd:import namespace="http://schemas.microsoft.com/sharepoint/v3"/>
    <xsd:import namespace="13391ec4-5015-4147-9414-c3ae9850af36"/>
    <xsd:import namespace="afdce578-64aa-489d-a4b8-96c94be591d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BillingMetadata" minOccurs="0"/>
                <xsd:element ref="ns1:_ip_UnifiedCompliancePolicyProperties" minOccurs="0"/>
                <xsd:element ref="ns1:_ip_UnifiedCompliancePolicyUIAc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3391ec4-5015-4147-9414-c3ae9850af3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7ce286c4-6ad8-4de6-8845-affb0f0f145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BillingMetadata" ma:index="19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ce578-64aa-489d-a4b8-96c94be591d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723bd3d9-af5a-4adb-ae78-1e493c998812}" ma:internalName="TaxCatchAll" ma:showField="CatchAllData" ma:web="afdce578-64aa-489d-a4b8-96c94be591d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transformationConfigurations":[],"templateName":"Excel-skabelon","templateDescription":"","enableDocumentContentUpdater":tru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afdce578-64aa-489d-a4b8-96c94be591da" xsi:nil="true"/>
    <lcf76f155ced4ddcb4097134ff3c332f xmlns="13391ec4-5015-4147-9414-c3ae9850af36">
      <Terms xmlns="http://schemas.microsoft.com/office/infopath/2007/PartnerControls"/>
    </lcf76f155ced4ddcb4097134ff3c332f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4DDFE73A-DFFB-4F0D-9CB0-7D3A4E6E693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7D3AB48-B8B8-46D3-B5F9-E8C81B782E6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13391ec4-5015-4147-9414-c3ae9850af36"/>
    <ds:schemaRef ds:uri="afdce578-64aa-489d-a4b8-96c94be591d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967087F7-1A65-4F85-BCB2-A67465A1C528}">
  <ds:schemaRefs/>
</ds:datastoreItem>
</file>

<file path=customXml/itemProps4.xml><?xml version="1.0" encoding="utf-8"?>
<ds:datastoreItem xmlns:ds="http://schemas.openxmlformats.org/officeDocument/2006/customXml" ds:itemID="{06A6CD26-CD79-4AC4-8688-5AE5B38164A3}">
  <ds:schemaRefs/>
</ds:datastoreItem>
</file>

<file path=customXml/itemProps5.xml><?xml version="1.0" encoding="utf-8"?>
<ds:datastoreItem xmlns:ds="http://schemas.openxmlformats.org/officeDocument/2006/customXml" ds:itemID="{EE96F9AE-1DBE-400B-AF5D-EC2D848214C8}">
  <ds:schemaRefs>
    <ds:schemaRef ds:uri="http://schemas.microsoft.com/office/2006/metadata/properties"/>
    <ds:schemaRef ds:uri="http://schemas.microsoft.com/office/infopath/2007/PartnerControls"/>
    <ds:schemaRef ds:uri="afdce578-64aa-489d-a4b8-96c94be591da"/>
    <ds:schemaRef ds:uri="13391ec4-5015-4147-9414-c3ae9850af36"/>
    <ds:schemaRef ds:uri="http://schemas.microsoft.com/sharepoint/v3"/>
  </ds:schemaRefs>
</ds:datastoreItem>
</file>

<file path=docMetadata/LabelInfo.xml><?xml version="1.0" encoding="utf-8"?>
<clbl:labelList xmlns:clbl="http://schemas.microsoft.com/office/2020/mipLabelMetadata">
  <clbl:label id="{74991291-2a23-4148-82cc-7ad952901985}" enabled="1" method="Standard" siteId="{307aea5f-69c8-47dd-bb55-e830e513ae0c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Berørte tabeller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akob Konstantin Flink</dc:creator>
  <cp:keywords/>
  <dc:description/>
  <cp:lastModifiedBy>Jakob Konstantin Flink</cp:lastModifiedBy>
  <cp:revision/>
  <dcterms:created xsi:type="dcterms:W3CDTF">2025-06-25T07:44:45Z</dcterms:created>
  <dcterms:modified xsi:type="dcterms:W3CDTF">2026-07-09T12:31:34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finansministeriet</vt:lpwstr>
  </property>
  <property fmtid="{D5CDD505-2E9C-101B-9397-08002B2CF9AE}" pid="3" name="TemplafyTemplateId">
    <vt:lpwstr>1181955278193820082</vt:lpwstr>
  </property>
  <property fmtid="{D5CDD505-2E9C-101B-9397-08002B2CF9AE}" pid="4" name="TemplafyUserProfileId">
    <vt:lpwstr>1132103704331681865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1E4B3335BA8EA447B23F9D3C7EB73D83</vt:lpwstr>
  </property>
  <property fmtid="{D5CDD505-2E9C-101B-9397-08002B2CF9AE}" pid="8" name="Order">
    <vt:r8>4236300</vt:r8>
  </property>
  <property fmtid="{D5CDD505-2E9C-101B-9397-08002B2CF9AE}" pid="9" name="xd_ProgID">
    <vt:lpwstr/>
  </property>
  <property fmtid="{D5CDD505-2E9C-101B-9397-08002B2CF9AE}" pid="10" name="MediaServiceImageTags">
    <vt:lpwstr/>
  </property>
  <property fmtid="{D5CDD505-2E9C-101B-9397-08002B2CF9AE}" pid="11" name="_SourceUrl">
    <vt:lpwstr/>
  </property>
  <property fmtid="{D5CDD505-2E9C-101B-9397-08002B2CF9AE}" pid="12" name="_SharedFileIndex">
    <vt:lpwstr/>
  </property>
  <property fmtid="{D5CDD505-2E9C-101B-9397-08002B2CF9AE}" pid="13" name="ComplianceAssetId">
    <vt:lpwstr/>
  </property>
  <property fmtid="{D5CDD505-2E9C-101B-9397-08002B2CF9AE}" pid="14" name="TemplateUrl">
    <vt:lpwstr/>
  </property>
  <property fmtid="{D5CDD505-2E9C-101B-9397-08002B2CF9AE}" pid="15" name="_ExtendedDescription">
    <vt:lpwstr/>
  </property>
  <property fmtid="{D5CDD505-2E9C-101B-9397-08002B2CF9AE}" pid="16" name="TriggerFlowInfo">
    <vt:lpwstr/>
  </property>
  <property fmtid="{D5CDD505-2E9C-101B-9397-08002B2CF9AE}" pid="17" name="xd_Signature">
    <vt:bool>false</vt:bool>
  </property>
</Properties>
</file>